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885"/>
  </bookViews>
  <sheets>
    <sheet name="第３表" sheetId="1" r:id="rId1"/>
  </sheets>
  <externalReferences>
    <externalReference r:id="rId2"/>
  </externalReferences>
  <definedNames>
    <definedName name="_Key1" localSheetId="0" hidden="1">#REF!</definedName>
    <definedName name="_Key1" hidden="1">#REF!</definedName>
    <definedName name="_Order1" hidden="1">255</definedName>
    <definedName name="_Sort" localSheetId="0" hidden="1">#REF!</definedName>
    <definedName name="_Sort" hidden="1">#REF!</definedName>
    <definedName name="_xlnm.Print_Area" localSheetId="0">第３表!$A$1:$K$62</definedName>
    <definedName name="月報">"グラフ 1"</definedName>
    <definedName name="市名">[1]様式1!$X$6:$X$9</definedName>
    <definedName name="第１表2011年10月分">#REF!</definedName>
    <definedName name="第１表2011年11月分">#REF!</definedName>
    <definedName name="第１表2011年１月分">#REF!</definedName>
    <definedName name="第１表2011年２月分">#REF!</definedName>
    <definedName name="第１表2011年３月分">#REF!</definedName>
    <definedName name="第１表2011年４月分">#REF!</definedName>
    <definedName name="第１表2011年５月分">#REF!</definedName>
    <definedName name="第１表2011年６月分">#REF!</definedName>
    <definedName name="第１表2011年７月分">#REF!</definedName>
    <definedName name="第１表2011年８月分">#REF!</definedName>
    <definedName name="第１表2011年９月分">#REF!</definedName>
    <definedName name="第５表の１2011年10月分">#REF!</definedName>
    <definedName name="第５表の１2011年11月分">#REF!</definedName>
    <definedName name="第５表の１2011年12月分">#REF!</definedName>
    <definedName name="第５表の１2011年１月分">#REF!</definedName>
    <definedName name="第５表の１2011年２月分">#REF!</definedName>
    <definedName name="第５表の１2011年３月分">#REF!</definedName>
    <definedName name="第５表の１2011年４月分">#REF!</definedName>
    <definedName name="第５表の１2011年５月分">#REF!</definedName>
    <definedName name="第５表の１2011年６月分">#REF!</definedName>
    <definedName name="第５表の１2011年７月分">#REF!</definedName>
    <definedName name="第５表の１2011年８月分">#REF!</definedName>
    <definedName name="第５表の１2011年９月分">#REF!</definedName>
    <definedName name="第５表の２2011年10月分">#REF!</definedName>
    <definedName name="第５表の２2011年11月分">#REF!</definedName>
    <definedName name="第５表の２2011年12月分">#REF!</definedName>
    <definedName name="第５表の２2011年１月分">#REF!</definedName>
    <definedName name="第５表の２2011年２月分">#REF!</definedName>
    <definedName name="第５表の２2011年３月分">#REF!</definedName>
    <definedName name="第５表の２2011年４月分">#REF!</definedName>
    <definedName name="第５表の２2011年５月分">#REF!</definedName>
    <definedName name="第５表の２2011年６月分">#REF!</definedName>
    <definedName name="第５表の２2011年７月分">#REF!</definedName>
    <definedName name="第５表の２2011年８月分">#REF!</definedName>
    <definedName name="第５表の２2011年９月分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24">
  <si>
    <t>年次別移動人口（社会増減）</t>
    <rPh sb="0" eb="3">
      <t>ネンジベツ</t>
    </rPh>
    <rPh sb="3" eb="5">
      <t>イドウ</t>
    </rPh>
    <rPh sb="5" eb="7">
      <t>ジンコウ</t>
    </rPh>
    <rPh sb="8" eb="10">
      <t>シャカイ</t>
    </rPh>
    <rPh sb="10" eb="12">
      <t>ゾウゲン</t>
    </rPh>
    <phoneticPr fontId="2"/>
  </si>
  <si>
    <t>第３表</t>
    <rPh sb="0" eb="1">
      <t>ダイ</t>
    </rPh>
    <rPh sb="2" eb="3">
      <t>ヒョウ</t>
    </rPh>
    <phoneticPr fontId="2"/>
  </si>
  <si>
    <t>年次</t>
    <rPh sb="0" eb="2">
      <t>ネンジ</t>
    </rPh>
    <phoneticPr fontId="2"/>
  </si>
  <si>
    <t>転　　入</t>
    <rPh sb="0" eb="1">
      <t>テン</t>
    </rPh>
    <rPh sb="3" eb="4">
      <t>イ</t>
    </rPh>
    <phoneticPr fontId="2"/>
  </si>
  <si>
    <t>転　　出</t>
    <rPh sb="0" eb="1">
      <t>テン</t>
    </rPh>
    <rPh sb="3" eb="4">
      <t>デ</t>
    </rPh>
    <phoneticPr fontId="2"/>
  </si>
  <si>
    <t>総数</t>
    <rPh sb="0" eb="2">
      <t>ソウスウ</t>
    </rPh>
    <phoneticPr fontId="2"/>
  </si>
  <si>
    <t>県外</t>
    <rPh sb="0" eb="2">
      <t>ケンガイ</t>
    </rPh>
    <phoneticPr fontId="2"/>
  </si>
  <si>
    <t>県内</t>
    <rPh sb="0" eb="2">
      <t>ケンナイ</t>
    </rPh>
    <phoneticPr fontId="2"/>
  </si>
  <si>
    <t>その他</t>
    <rPh sb="2" eb="3">
      <t>タ</t>
    </rPh>
    <phoneticPr fontId="2"/>
  </si>
  <si>
    <t>人</t>
    <rPh sb="0" eb="1">
      <t>ヒト</t>
    </rPh>
    <phoneticPr fontId="2"/>
  </si>
  <si>
    <t>令和3年</t>
  </si>
  <si>
    <t>2(2020)</t>
  </si>
  <si>
    <t>平成31・元</t>
  </si>
  <si>
    <t>27(2015)</t>
  </si>
  <si>
    <t>22(2010)</t>
  </si>
  <si>
    <t>17(2005)</t>
  </si>
  <si>
    <t>12(2000)</t>
  </si>
  <si>
    <t>7(1995)</t>
  </si>
  <si>
    <t>2(1990)</t>
  </si>
  <si>
    <t>元</t>
  </si>
  <si>
    <t>昭和63年</t>
  </si>
  <si>
    <t>60(1985)</t>
  </si>
  <si>
    <t>55(1980)</t>
  </si>
  <si>
    <t xml:space="preserve">(注)「その他」は、住民基本台帳法施行令の規定により、職権で住民票へ記載された者又は住民票から消除された者の数等。
 </t>
    <rPh sb="55" eb="56">
      <t>ト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"/>
    <numFmt numFmtId="177" formatCode="#,##0.00_ "/>
  </numFmts>
  <fonts count="8" x14ac:knownFonts="1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8"/>
      <color theme="1"/>
      <name val="HGPｺﾞｼｯｸM"/>
      <family val="3"/>
      <charset val="128"/>
    </font>
    <font>
      <sz val="8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1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1" xfId="0" applyFont="1" applyBorder="1" applyAlignment="1">
      <alignment horizontal="right" vertical="center"/>
    </xf>
    <xf numFmtId="0" fontId="3" fillId="0" borderId="12" xfId="0" applyFont="1" applyBorder="1" applyAlignment="1">
      <alignment horizontal="right" vertical="center"/>
    </xf>
    <xf numFmtId="0" fontId="4" fillId="2" borderId="10" xfId="0" applyFont="1" applyFill="1" applyBorder="1" applyAlignment="1">
      <alignment horizontal="distributed" vertical="center"/>
    </xf>
    <xf numFmtId="0" fontId="5" fillId="2" borderId="0" xfId="0" applyFont="1" applyFill="1" applyBorder="1" applyAlignment="1">
      <alignment horizontal="distributed" vertical="center"/>
    </xf>
    <xf numFmtId="0" fontId="5" fillId="2" borderId="0" xfId="0" applyFont="1" applyFill="1" applyBorder="1">
      <alignment vertical="center"/>
    </xf>
    <xf numFmtId="176" fontId="5" fillId="2" borderId="11" xfId="0" applyNumberFormat="1" applyFont="1" applyFill="1" applyBorder="1" applyAlignment="1">
      <alignment horizontal="right" vertical="center"/>
    </xf>
    <xf numFmtId="176" fontId="5" fillId="2" borderId="12" xfId="0" applyNumberFormat="1" applyFont="1" applyFill="1" applyBorder="1" applyAlignment="1">
      <alignment horizontal="right" vertical="center"/>
    </xf>
    <xf numFmtId="0" fontId="6" fillId="0" borderId="10" xfId="0" applyFont="1" applyFill="1" applyBorder="1" applyAlignment="1">
      <alignment horizontal="distributed" vertical="center"/>
    </xf>
    <xf numFmtId="0" fontId="3" fillId="0" borderId="0" xfId="0" applyFont="1" applyFill="1" applyBorder="1" applyAlignment="1">
      <alignment horizontal="distributed" vertical="center"/>
    </xf>
    <xf numFmtId="0" fontId="3" fillId="0" borderId="0" xfId="0" applyFont="1" applyFill="1" applyBorder="1">
      <alignment vertical="center"/>
    </xf>
    <xf numFmtId="176" fontId="7" fillId="0" borderId="11" xfId="0" applyNumberFormat="1" applyFont="1" applyFill="1" applyBorder="1" applyAlignment="1">
      <alignment horizontal="right" vertical="center"/>
    </xf>
    <xf numFmtId="176" fontId="7" fillId="0" borderId="12" xfId="0" applyNumberFormat="1" applyFont="1" applyFill="1" applyBorder="1" applyAlignment="1">
      <alignment horizontal="right"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3" fillId="0" borderId="10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176" fontId="7" fillId="0" borderId="11" xfId="0" applyNumberFormat="1" applyFont="1" applyBorder="1" applyAlignment="1">
      <alignment horizontal="right" vertical="center"/>
    </xf>
    <xf numFmtId="176" fontId="7" fillId="0" borderId="12" xfId="0" applyNumberFormat="1" applyFont="1" applyBorder="1" applyAlignment="1">
      <alignment horizontal="right" vertical="center"/>
    </xf>
    <xf numFmtId="0" fontId="6" fillId="3" borderId="10" xfId="0" applyFont="1" applyFill="1" applyBorder="1" applyAlignment="1">
      <alignment horizontal="distributed" vertical="center"/>
    </xf>
    <xf numFmtId="0" fontId="3" fillId="3" borderId="0" xfId="0" applyFont="1" applyFill="1" applyBorder="1" applyAlignment="1">
      <alignment horizontal="distributed" vertical="center"/>
    </xf>
    <xf numFmtId="0" fontId="3" fillId="3" borderId="0" xfId="0" applyFont="1" applyFill="1" applyBorder="1">
      <alignment vertical="center"/>
    </xf>
    <xf numFmtId="176" fontId="7" fillId="3" borderId="11" xfId="0" applyNumberFormat="1" applyFont="1" applyFill="1" applyBorder="1" applyAlignment="1">
      <alignment horizontal="right" vertical="center"/>
    </xf>
    <xf numFmtId="176" fontId="7" fillId="3" borderId="12" xfId="0" applyNumberFormat="1" applyFont="1" applyFill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3" borderId="11" xfId="0" applyNumberFormat="1" applyFont="1" applyFill="1" applyBorder="1" applyAlignment="1">
      <alignment horizontal="right" vertical="center"/>
    </xf>
    <xf numFmtId="176" fontId="3" fillId="3" borderId="12" xfId="0" applyNumberFormat="1" applyFont="1" applyFill="1" applyBorder="1" applyAlignment="1">
      <alignment horizontal="right" vertical="center"/>
    </xf>
    <xf numFmtId="0" fontId="3" fillId="0" borderId="13" xfId="0" applyFont="1" applyBorder="1" applyAlignment="1">
      <alignment horizontal="distributed" vertical="center"/>
    </xf>
    <xf numFmtId="0" fontId="3" fillId="0" borderId="14" xfId="0" applyFont="1" applyBorder="1" applyAlignment="1">
      <alignment horizontal="distributed" vertical="center"/>
    </xf>
    <xf numFmtId="0" fontId="3" fillId="0" borderId="14" xfId="0" applyFont="1" applyBorder="1">
      <alignment vertical="center"/>
    </xf>
    <xf numFmtId="176" fontId="3" fillId="0" borderId="15" xfId="0" applyNumberFormat="1" applyFont="1" applyBorder="1">
      <alignment vertical="center"/>
    </xf>
    <xf numFmtId="177" fontId="3" fillId="0" borderId="16" xfId="0" applyNumberFormat="1" applyFont="1" applyBorder="1">
      <alignment vertical="center"/>
    </xf>
    <xf numFmtId="0" fontId="3" fillId="0" borderId="10" xfId="0" applyFont="1" applyFill="1" applyBorder="1" applyAlignment="1">
      <alignment horizontal="distributed" vertical="center"/>
    </xf>
    <xf numFmtId="176" fontId="3" fillId="0" borderId="11" xfId="0" applyNumberFormat="1" applyFont="1" applyFill="1" applyBorder="1" applyAlignment="1">
      <alignment horizontal="right" vertical="center"/>
    </xf>
    <xf numFmtId="176" fontId="3" fillId="0" borderId="12" xfId="0" applyNumberFormat="1" applyFont="1" applyFill="1" applyBorder="1" applyAlignment="1">
      <alignment horizontal="right" vertical="center"/>
    </xf>
    <xf numFmtId="0" fontId="3" fillId="3" borderId="0" xfId="0" applyFont="1" applyFill="1">
      <alignment vertical="center"/>
    </xf>
    <xf numFmtId="0" fontId="0" fillId="3" borderId="0" xfId="0" applyFill="1">
      <alignment vertical="center"/>
    </xf>
    <xf numFmtId="0" fontId="3" fillId="3" borderId="10" xfId="0" applyFont="1" applyFill="1" applyBorder="1" applyAlignment="1">
      <alignment horizontal="distributed" vertical="center"/>
    </xf>
    <xf numFmtId="0" fontId="3" fillId="0" borderId="2" xfId="0" applyFont="1" applyBorder="1" applyAlignment="1">
      <alignment vertical="top" wrapText="1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3"/>
  <dimension ref="A1:U62"/>
  <sheetViews>
    <sheetView tabSelected="1" view="pageBreakPreview" zoomScaleNormal="115" zoomScaleSheetLayoutView="100" workbookViewId="0">
      <selection sqref="A1:K1"/>
    </sheetView>
  </sheetViews>
  <sheetFormatPr defaultRowHeight="14.25" x14ac:dyDescent="0.15"/>
  <cols>
    <col min="1" max="1" width="1.75" style="1" customWidth="1"/>
    <col min="2" max="2" width="7.625" style="1" customWidth="1"/>
    <col min="3" max="3" width="1.25" style="1" customWidth="1"/>
    <col min="4" max="11" width="8.75" style="1" customWidth="1"/>
    <col min="12" max="18" width="6.875" style="1" customWidth="1"/>
  </cols>
  <sheetData>
    <row r="1" spans="1:18" ht="17.25" customHeight="1" x14ac:dyDescent="0.15">
      <c r="A1" s="46" t="s">
        <v>0</v>
      </c>
      <c r="B1" s="46"/>
      <c r="C1" s="46"/>
      <c r="D1" s="46"/>
      <c r="E1" s="46"/>
      <c r="F1" s="46"/>
      <c r="G1" s="46"/>
      <c r="H1" s="46"/>
      <c r="I1" s="46"/>
      <c r="J1" s="46"/>
      <c r="K1" s="46"/>
    </row>
    <row r="2" spans="1:18" ht="13.5" customHeight="1" thickBot="1" x14ac:dyDescent="0.2">
      <c r="A2" s="47" t="s">
        <v>1</v>
      </c>
      <c r="B2" s="47"/>
      <c r="C2" s="47"/>
      <c r="K2" s="2"/>
    </row>
    <row r="3" spans="1:18" ht="13.5" customHeight="1" x14ac:dyDescent="0.15">
      <c r="A3" s="48" t="s">
        <v>2</v>
      </c>
      <c r="B3" s="49"/>
      <c r="C3" s="49"/>
      <c r="D3" s="52" t="s">
        <v>3</v>
      </c>
      <c r="E3" s="53"/>
      <c r="F3" s="53"/>
      <c r="G3" s="54"/>
      <c r="H3" s="52" t="s">
        <v>4</v>
      </c>
      <c r="I3" s="53"/>
      <c r="J3" s="53"/>
      <c r="K3" s="55"/>
    </row>
    <row r="4" spans="1:18" ht="13.5" customHeight="1" x14ac:dyDescent="0.15">
      <c r="A4" s="50"/>
      <c r="B4" s="51"/>
      <c r="C4" s="51"/>
      <c r="D4" s="3" t="s">
        <v>5</v>
      </c>
      <c r="E4" s="3" t="s">
        <v>6</v>
      </c>
      <c r="F4" s="3" t="s">
        <v>7</v>
      </c>
      <c r="G4" s="3" t="s">
        <v>8</v>
      </c>
      <c r="H4" s="3" t="s">
        <v>5</v>
      </c>
      <c r="I4" s="3" t="s">
        <v>6</v>
      </c>
      <c r="J4" s="3" t="s">
        <v>7</v>
      </c>
      <c r="K4" s="4" t="s">
        <v>8</v>
      </c>
    </row>
    <row r="5" spans="1:18" ht="10.5" customHeight="1" x14ac:dyDescent="0.15">
      <c r="A5" s="5"/>
      <c r="B5" s="6"/>
      <c r="C5" s="6"/>
      <c r="D5" s="7" t="s">
        <v>9</v>
      </c>
      <c r="E5" s="7" t="s">
        <v>9</v>
      </c>
      <c r="F5" s="7" t="s">
        <v>9</v>
      </c>
      <c r="G5" s="7" t="s">
        <v>9</v>
      </c>
      <c r="H5" s="7" t="s">
        <v>9</v>
      </c>
      <c r="I5" s="7" t="s">
        <v>9</v>
      </c>
      <c r="J5" s="7" t="s">
        <v>9</v>
      </c>
      <c r="K5" s="8" t="s">
        <v>9</v>
      </c>
    </row>
    <row r="6" spans="1:18" ht="9.75" customHeight="1" x14ac:dyDescent="0.15">
      <c r="A6" s="9"/>
      <c r="B6" s="10" t="s">
        <v>10</v>
      </c>
      <c r="C6" s="11"/>
      <c r="D6" s="12">
        <v>488358</v>
      </c>
      <c r="E6" s="12">
        <v>255456</v>
      </c>
      <c r="F6" s="12">
        <v>224220</v>
      </c>
      <c r="G6" s="12">
        <v>8682</v>
      </c>
      <c r="H6" s="12">
        <v>463535</v>
      </c>
      <c r="I6" s="12">
        <v>226534</v>
      </c>
      <c r="J6" s="12">
        <v>225396</v>
      </c>
      <c r="K6" s="13">
        <v>11605</v>
      </c>
    </row>
    <row r="7" spans="1:18" s="43" customFormat="1" ht="9.75" customHeight="1" x14ac:dyDescent="0.15">
      <c r="A7" s="25"/>
      <c r="B7" s="26" t="s">
        <v>11</v>
      </c>
      <c r="C7" s="27"/>
      <c r="D7" s="28">
        <v>532374</v>
      </c>
      <c r="E7" s="28">
        <v>261549</v>
      </c>
      <c r="F7" s="28">
        <v>221024</v>
      </c>
      <c r="G7" s="28">
        <v>49801</v>
      </c>
      <c r="H7" s="28">
        <v>475455</v>
      </c>
      <c r="I7" s="28">
        <v>223959</v>
      </c>
      <c r="J7" s="28">
        <v>221936</v>
      </c>
      <c r="K7" s="29">
        <v>29560</v>
      </c>
      <c r="L7" s="42"/>
      <c r="M7" s="42"/>
      <c r="N7" s="42"/>
      <c r="O7" s="42"/>
      <c r="P7" s="42"/>
      <c r="Q7" s="42"/>
      <c r="R7" s="42"/>
    </row>
    <row r="8" spans="1:18" ht="3.75" customHeight="1" x14ac:dyDescent="0.15">
      <c r="A8" s="21"/>
      <c r="B8" s="22"/>
      <c r="C8" s="6"/>
      <c r="D8" s="23"/>
      <c r="E8" s="23"/>
      <c r="F8" s="23"/>
      <c r="G8" s="23"/>
      <c r="H8" s="23"/>
      <c r="I8" s="23"/>
      <c r="J8" s="23"/>
      <c r="K8" s="24"/>
    </row>
    <row r="9" spans="1:18" s="20" customFormat="1" ht="9.75" customHeight="1" x14ac:dyDescent="0.15">
      <c r="A9" s="14"/>
      <c r="B9" s="15" t="s">
        <v>12</v>
      </c>
      <c r="C9" s="16"/>
      <c r="D9" s="17">
        <v>514781</v>
      </c>
      <c r="E9" s="17">
        <v>282181</v>
      </c>
      <c r="F9" s="17">
        <v>221135</v>
      </c>
      <c r="G9" s="17">
        <v>11465</v>
      </c>
      <c r="H9" s="17">
        <v>474981</v>
      </c>
      <c r="I9" s="17">
        <v>239921</v>
      </c>
      <c r="J9" s="17">
        <v>222431</v>
      </c>
      <c r="K9" s="18">
        <v>12629</v>
      </c>
      <c r="L9" s="19"/>
      <c r="M9" s="19"/>
      <c r="N9" s="19"/>
      <c r="O9" s="19"/>
      <c r="P9" s="19"/>
      <c r="Q9" s="19"/>
      <c r="R9" s="19"/>
    </row>
    <row r="10" spans="1:18" s="20" customFormat="1" ht="9.75" customHeight="1" x14ac:dyDescent="0.15">
      <c r="A10" s="39"/>
      <c r="B10" s="15">
        <v>30</v>
      </c>
      <c r="C10" s="16"/>
      <c r="D10" s="17">
        <v>507579</v>
      </c>
      <c r="E10" s="17">
        <v>274940</v>
      </c>
      <c r="F10" s="17">
        <v>221743</v>
      </c>
      <c r="G10" s="17">
        <v>10896</v>
      </c>
      <c r="H10" s="17">
        <v>474462</v>
      </c>
      <c r="I10" s="17">
        <v>239411</v>
      </c>
      <c r="J10" s="17">
        <v>222712</v>
      </c>
      <c r="K10" s="18">
        <v>12339</v>
      </c>
      <c r="L10" s="19"/>
      <c r="M10" s="19"/>
      <c r="N10" s="19"/>
      <c r="O10" s="19"/>
      <c r="P10" s="19"/>
      <c r="Q10" s="19"/>
      <c r="R10" s="19"/>
    </row>
    <row r="11" spans="1:18" s="20" customFormat="1" ht="9.75" customHeight="1" x14ac:dyDescent="0.15">
      <c r="A11" s="39"/>
      <c r="B11" s="15">
        <v>29</v>
      </c>
      <c r="C11" s="16"/>
      <c r="D11" s="17">
        <v>496793</v>
      </c>
      <c r="E11" s="17">
        <v>265442</v>
      </c>
      <c r="F11" s="17">
        <v>220592</v>
      </c>
      <c r="G11" s="17">
        <v>10759</v>
      </c>
      <c r="H11" s="17">
        <v>469831</v>
      </c>
      <c r="I11" s="17">
        <v>237013</v>
      </c>
      <c r="J11" s="17">
        <v>221619</v>
      </c>
      <c r="K11" s="18">
        <v>11199</v>
      </c>
      <c r="L11" s="19"/>
      <c r="M11" s="19"/>
      <c r="N11" s="19"/>
      <c r="O11" s="19"/>
      <c r="P11" s="19"/>
      <c r="Q11" s="19"/>
      <c r="R11" s="19"/>
    </row>
    <row r="12" spans="1:18" s="20" customFormat="1" ht="9.75" customHeight="1" x14ac:dyDescent="0.15">
      <c r="A12" s="39"/>
      <c r="B12" s="15">
        <v>28</v>
      </c>
      <c r="C12" s="16"/>
      <c r="D12" s="17">
        <v>486889</v>
      </c>
      <c r="E12" s="17">
        <v>259314</v>
      </c>
      <c r="F12" s="17">
        <v>216791</v>
      </c>
      <c r="G12" s="17">
        <v>10784</v>
      </c>
      <c r="H12" s="17">
        <v>462172</v>
      </c>
      <c r="I12" s="17">
        <v>233261</v>
      </c>
      <c r="J12" s="17">
        <v>217581</v>
      </c>
      <c r="K12" s="18">
        <v>11330</v>
      </c>
      <c r="L12" s="19"/>
      <c r="M12" s="19"/>
      <c r="N12" s="19"/>
      <c r="O12" s="19"/>
      <c r="P12" s="19"/>
      <c r="Q12" s="19"/>
      <c r="R12" s="19"/>
    </row>
    <row r="13" spans="1:18" s="43" customFormat="1" ht="9.75" customHeight="1" x14ac:dyDescent="0.15">
      <c r="A13" s="44"/>
      <c r="B13" s="26" t="s">
        <v>13</v>
      </c>
      <c r="C13" s="27"/>
      <c r="D13" s="28">
        <v>521832</v>
      </c>
      <c r="E13" s="28">
        <v>262018</v>
      </c>
      <c r="F13" s="28">
        <v>226485</v>
      </c>
      <c r="G13" s="28">
        <v>33329</v>
      </c>
      <c r="H13" s="28">
        <v>492649</v>
      </c>
      <c r="I13" s="28">
        <v>237337</v>
      </c>
      <c r="J13" s="28">
        <v>227223</v>
      </c>
      <c r="K13" s="29">
        <v>28089</v>
      </c>
      <c r="L13" s="42"/>
      <c r="M13" s="42"/>
      <c r="N13" s="42"/>
      <c r="O13" s="42"/>
      <c r="P13" s="42"/>
      <c r="Q13" s="42"/>
      <c r="R13" s="42"/>
    </row>
    <row r="14" spans="1:18" s="20" customFormat="1" ht="3.75" customHeight="1" x14ac:dyDescent="0.15">
      <c r="A14" s="39"/>
      <c r="B14" s="15"/>
      <c r="C14" s="16"/>
      <c r="D14" s="17"/>
      <c r="E14" s="17"/>
      <c r="F14" s="17"/>
      <c r="G14" s="17"/>
      <c r="H14" s="17"/>
      <c r="I14" s="17"/>
      <c r="J14" s="17"/>
      <c r="K14" s="18"/>
      <c r="L14" s="19"/>
      <c r="M14" s="19"/>
      <c r="N14" s="19"/>
      <c r="O14" s="19"/>
      <c r="P14" s="19"/>
      <c r="Q14" s="19"/>
      <c r="R14" s="19"/>
    </row>
    <row r="15" spans="1:18" s="20" customFormat="1" ht="9.75" customHeight="1" x14ac:dyDescent="0.15">
      <c r="A15" s="14"/>
      <c r="B15" s="15">
        <v>26</v>
      </c>
      <c r="C15" s="16"/>
      <c r="D15" s="17">
        <v>478908</v>
      </c>
      <c r="E15" s="17">
        <v>241986</v>
      </c>
      <c r="F15" s="17">
        <v>217356</v>
      </c>
      <c r="G15" s="17">
        <v>19566</v>
      </c>
      <c r="H15" s="17">
        <v>462116</v>
      </c>
      <c r="I15" s="17">
        <v>229444</v>
      </c>
      <c r="J15" s="17">
        <v>218377</v>
      </c>
      <c r="K15" s="18">
        <v>14295</v>
      </c>
      <c r="L15" s="19"/>
      <c r="M15" s="19"/>
      <c r="N15" s="19"/>
      <c r="O15" s="19"/>
      <c r="P15" s="19"/>
      <c r="Q15" s="19"/>
      <c r="R15" s="19"/>
    </row>
    <row r="16" spans="1:18" s="20" customFormat="1" ht="9.75" customHeight="1" x14ac:dyDescent="0.15">
      <c r="A16" s="39"/>
      <c r="B16" s="15">
        <v>25</v>
      </c>
      <c r="C16" s="16"/>
      <c r="D16" s="17">
        <v>486505</v>
      </c>
      <c r="E16" s="17">
        <v>243151</v>
      </c>
      <c r="F16" s="17">
        <v>225349</v>
      </c>
      <c r="G16" s="17">
        <v>18005</v>
      </c>
      <c r="H16" s="17">
        <v>477310</v>
      </c>
      <c r="I16" s="17">
        <v>232820</v>
      </c>
      <c r="J16" s="17">
        <v>226205</v>
      </c>
      <c r="K16" s="18">
        <v>18285</v>
      </c>
      <c r="L16" s="19"/>
      <c r="M16" s="19"/>
      <c r="N16" s="19"/>
      <c r="O16" s="19"/>
      <c r="P16" s="19"/>
      <c r="Q16" s="19"/>
      <c r="R16" s="19"/>
    </row>
    <row r="17" spans="1:18" s="20" customFormat="1" ht="9.75" customHeight="1" x14ac:dyDescent="0.15">
      <c r="A17" s="39"/>
      <c r="B17" s="15">
        <v>24</v>
      </c>
      <c r="C17" s="16"/>
      <c r="D17" s="40">
        <v>487933</v>
      </c>
      <c r="E17" s="40">
        <v>247534</v>
      </c>
      <c r="F17" s="40">
        <v>226497</v>
      </c>
      <c r="G17" s="40">
        <v>13902</v>
      </c>
      <c r="H17" s="40">
        <v>480282</v>
      </c>
      <c r="I17" s="40">
        <v>241640</v>
      </c>
      <c r="J17" s="40">
        <v>227171</v>
      </c>
      <c r="K17" s="41">
        <v>11471</v>
      </c>
      <c r="L17" s="19"/>
      <c r="M17" s="19"/>
      <c r="N17" s="19"/>
      <c r="O17" s="19"/>
      <c r="P17" s="19"/>
      <c r="Q17" s="19"/>
      <c r="R17" s="19"/>
    </row>
    <row r="18" spans="1:18" s="20" customFormat="1" ht="9.75" customHeight="1" x14ac:dyDescent="0.15">
      <c r="A18" s="39"/>
      <c r="B18" s="15">
        <v>23</v>
      </c>
      <c r="C18" s="16"/>
      <c r="D18" s="40">
        <v>484175</v>
      </c>
      <c r="E18" s="40">
        <v>252086</v>
      </c>
      <c r="F18" s="40">
        <v>223613</v>
      </c>
      <c r="G18" s="40">
        <v>8476</v>
      </c>
      <c r="H18" s="40">
        <v>480916</v>
      </c>
      <c r="I18" s="40">
        <v>248853</v>
      </c>
      <c r="J18" s="40">
        <v>223991</v>
      </c>
      <c r="K18" s="41">
        <v>8072</v>
      </c>
      <c r="L18" s="19"/>
      <c r="M18" s="19"/>
      <c r="N18" s="19"/>
      <c r="O18" s="19"/>
      <c r="P18" s="19"/>
      <c r="Q18" s="19"/>
      <c r="R18" s="19"/>
    </row>
    <row r="19" spans="1:18" s="43" customFormat="1" ht="9.75" customHeight="1" x14ac:dyDescent="0.15">
      <c r="A19" s="44"/>
      <c r="B19" s="26" t="s">
        <v>14</v>
      </c>
      <c r="C19" s="27"/>
      <c r="D19" s="32">
        <v>530727</v>
      </c>
      <c r="E19" s="32">
        <v>262190</v>
      </c>
      <c r="F19" s="32">
        <v>231508</v>
      </c>
      <c r="G19" s="32">
        <v>37029</v>
      </c>
      <c r="H19" s="32">
        <v>499350</v>
      </c>
      <c r="I19" s="32">
        <v>250007</v>
      </c>
      <c r="J19" s="32">
        <v>231945</v>
      </c>
      <c r="K19" s="33">
        <v>17398</v>
      </c>
      <c r="L19" s="42"/>
      <c r="M19" s="42"/>
      <c r="N19" s="42"/>
      <c r="O19" s="42"/>
      <c r="P19" s="42"/>
      <c r="Q19" s="42"/>
      <c r="R19" s="42"/>
    </row>
    <row r="20" spans="1:18" s="20" customFormat="1" ht="3.75" customHeight="1" x14ac:dyDescent="0.15">
      <c r="A20" s="39"/>
      <c r="B20" s="15"/>
      <c r="C20" s="16"/>
      <c r="D20" s="40"/>
      <c r="E20" s="40"/>
      <c r="F20" s="40"/>
      <c r="G20" s="40"/>
      <c r="H20" s="40"/>
      <c r="I20" s="40"/>
      <c r="J20" s="40"/>
      <c r="K20" s="41"/>
      <c r="L20" s="19"/>
      <c r="M20" s="19"/>
      <c r="N20" s="19"/>
      <c r="O20" s="19"/>
      <c r="P20" s="19"/>
      <c r="Q20" s="19"/>
      <c r="R20" s="19"/>
    </row>
    <row r="21" spans="1:18" s="20" customFormat="1" ht="9.75" customHeight="1" x14ac:dyDescent="0.15">
      <c r="A21" s="14"/>
      <c r="B21" s="15">
        <v>21</v>
      </c>
      <c r="C21" s="16"/>
      <c r="D21" s="40">
        <v>520485</v>
      </c>
      <c r="E21" s="40">
        <v>279077</v>
      </c>
      <c r="F21" s="40">
        <v>233183</v>
      </c>
      <c r="G21" s="40">
        <v>8225</v>
      </c>
      <c r="H21" s="40">
        <v>493001</v>
      </c>
      <c r="I21" s="40">
        <v>252803</v>
      </c>
      <c r="J21" s="40">
        <v>233166</v>
      </c>
      <c r="K21" s="41">
        <v>7032</v>
      </c>
      <c r="L21" s="19"/>
      <c r="M21" s="19"/>
      <c r="N21" s="19"/>
      <c r="O21" s="19"/>
      <c r="P21" s="19"/>
      <c r="Q21" s="19"/>
      <c r="R21" s="19"/>
    </row>
    <row r="22" spans="1:18" s="20" customFormat="1" ht="9.75" customHeight="1" x14ac:dyDescent="0.15">
      <c r="A22" s="39"/>
      <c r="B22" s="15">
        <v>20</v>
      </c>
      <c r="C22" s="16"/>
      <c r="D22" s="40">
        <v>530261</v>
      </c>
      <c r="E22" s="40">
        <v>288158</v>
      </c>
      <c r="F22" s="40">
        <v>234520</v>
      </c>
      <c r="G22" s="40">
        <v>7583</v>
      </c>
      <c r="H22" s="40">
        <v>491592</v>
      </c>
      <c r="I22" s="40">
        <v>250397</v>
      </c>
      <c r="J22" s="40">
        <v>235355</v>
      </c>
      <c r="K22" s="41">
        <v>5840</v>
      </c>
      <c r="L22" s="19"/>
      <c r="M22" s="19"/>
      <c r="N22" s="19"/>
      <c r="O22" s="19"/>
      <c r="P22" s="19"/>
      <c r="Q22" s="19"/>
      <c r="R22" s="19"/>
    </row>
    <row r="23" spans="1:18" s="20" customFormat="1" ht="9.75" customHeight="1" x14ac:dyDescent="0.15">
      <c r="A23" s="39"/>
      <c r="B23" s="15">
        <v>19</v>
      </c>
      <c r="C23" s="16"/>
      <c r="D23" s="40">
        <v>549582</v>
      </c>
      <c r="E23" s="40">
        <v>295703</v>
      </c>
      <c r="F23" s="40">
        <v>245735</v>
      </c>
      <c r="G23" s="40">
        <v>8144</v>
      </c>
      <c r="H23" s="40">
        <v>506684</v>
      </c>
      <c r="I23" s="40">
        <v>254470</v>
      </c>
      <c r="J23" s="40">
        <v>245271</v>
      </c>
      <c r="K23" s="41">
        <v>6943</v>
      </c>
      <c r="L23" s="19"/>
      <c r="M23" s="19"/>
      <c r="N23" s="19"/>
      <c r="O23" s="19"/>
      <c r="P23" s="19"/>
      <c r="Q23" s="19"/>
      <c r="R23" s="19"/>
    </row>
    <row r="24" spans="1:18" s="20" customFormat="1" ht="9.75" customHeight="1" x14ac:dyDescent="0.15">
      <c r="A24" s="39"/>
      <c r="B24" s="15">
        <v>18</v>
      </c>
      <c r="C24" s="16"/>
      <c r="D24" s="40">
        <v>543598</v>
      </c>
      <c r="E24" s="40">
        <v>287052</v>
      </c>
      <c r="F24" s="40">
        <v>248133</v>
      </c>
      <c r="G24" s="40">
        <v>8413</v>
      </c>
      <c r="H24" s="40">
        <v>517900</v>
      </c>
      <c r="I24" s="40">
        <v>262166</v>
      </c>
      <c r="J24" s="40">
        <v>247837</v>
      </c>
      <c r="K24" s="41">
        <v>7897</v>
      </c>
      <c r="L24" s="19"/>
      <c r="M24" s="19"/>
      <c r="N24" s="19"/>
      <c r="O24" s="19"/>
      <c r="P24" s="19"/>
      <c r="Q24" s="19"/>
      <c r="R24" s="19"/>
    </row>
    <row r="25" spans="1:18" s="43" customFormat="1" ht="9.75" customHeight="1" x14ac:dyDescent="0.15">
      <c r="A25" s="44"/>
      <c r="B25" s="26" t="s">
        <v>15</v>
      </c>
      <c r="C25" s="27"/>
      <c r="D25" s="32">
        <v>568091</v>
      </c>
      <c r="E25" s="32">
        <v>287023</v>
      </c>
      <c r="F25" s="32">
        <v>250199</v>
      </c>
      <c r="G25" s="32">
        <v>30869</v>
      </c>
      <c r="H25" s="32">
        <v>533608</v>
      </c>
      <c r="I25" s="32">
        <v>258583</v>
      </c>
      <c r="J25" s="32">
        <v>250142</v>
      </c>
      <c r="K25" s="33">
        <v>24883</v>
      </c>
      <c r="L25" s="42"/>
      <c r="M25" s="42"/>
      <c r="N25" s="42"/>
      <c r="O25" s="42"/>
      <c r="P25" s="42"/>
      <c r="Q25" s="42"/>
      <c r="R25" s="42"/>
    </row>
    <row r="26" spans="1:18" s="20" customFormat="1" ht="3.75" customHeight="1" x14ac:dyDescent="0.15">
      <c r="A26" s="39"/>
      <c r="B26" s="15"/>
      <c r="C26" s="16"/>
      <c r="D26" s="40"/>
      <c r="E26" s="40"/>
      <c r="F26" s="40"/>
      <c r="G26" s="40"/>
      <c r="H26" s="40"/>
      <c r="I26" s="40"/>
      <c r="J26" s="40"/>
      <c r="K26" s="41"/>
      <c r="L26" s="19"/>
      <c r="M26" s="19"/>
      <c r="N26" s="19"/>
      <c r="O26" s="19"/>
      <c r="P26" s="19"/>
      <c r="Q26" s="19"/>
      <c r="R26" s="19"/>
    </row>
    <row r="27" spans="1:18" s="20" customFormat="1" ht="9.75" customHeight="1" x14ac:dyDescent="0.15">
      <c r="A27" s="14"/>
      <c r="B27" s="15">
        <v>16</v>
      </c>
      <c r="C27" s="16"/>
      <c r="D27" s="40">
        <v>558651</v>
      </c>
      <c r="E27" s="40">
        <v>289320</v>
      </c>
      <c r="F27" s="40">
        <v>260373</v>
      </c>
      <c r="G27" s="40">
        <v>8958</v>
      </c>
      <c r="H27" s="40">
        <v>532687</v>
      </c>
      <c r="I27" s="40">
        <v>264053</v>
      </c>
      <c r="J27" s="40">
        <v>259985</v>
      </c>
      <c r="K27" s="41">
        <v>8649</v>
      </c>
      <c r="L27" s="19"/>
      <c r="M27" s="19"/>
      <c r="N27" s="19"/>
      <c r="O27" s="19"/>
      <c r="P27" s="19"/>
      <c r="Q27" s="19"/>
      <c r="R27" s="19"/>
    </row>
    <row r="28" spans="1:18" s="20" customFormat="1" ht="9.75" customHeight="1" x14ac:dyDescent="0.15">
      <c r="A28" s="39"/>
      <c r="B28" s="15">
        <v>15</v>
      </c>
      <c r="C28" s="16"/>
      <c r="D28" s="40">
        <v>574857</v>
      </c>
      <c r="E28" s="40">
        <v>297780</v>
      </c>
      <c r="F28" s="40">
        <v>268202</v>
      </c>
      <c r="G28" s="40">
        <v>8875</v>
      </c>
      <c r="H28" s="40">
        <v>543116</v>
      </c>
      <c r="I28" s="40">
        <v>266691</v>
      </c>
      <c r="J28" s="40">
        <v>267895</v>
      </c>
      <c r="K28" s="41">
        <v>8530</v>
      </c>
      <c r="L28" s="19"/>
      <c r="M28" s="19"/>
      <c r="N28" s="19"/>
      <c r="O28" s="19"/>
      <c r="P28" s="19"/>
      <c r="Q28" s="19"/>
      <c r="R28" s="19"/>
    </row>
    <row r="29" spans="1:18" s="20" customFormat="1" ht="9.75" customHeight="1" x14ac:dyDescent="0.15">
      <c r="A29" s="39"/>
      <c r="B29" s="15">
        <v>14</v>
      </c>
      <c r="C29" s="16"/>
      <c r="D29" s="40">
        <v>571871</v>
      </c>
      <c r="E29" s="40">
        <v>299871</v>
      </c>
      <c r="F29" s="40">
        <v>263201</v>
      </c>
      <c r="G29" s="40">
        <v>8799</v>
      </c>
      <c r="H29" s="40">
        <v>536760</v>
      </c>
      <c r="I29" s="40">
        <v>264764</v>
      </c>
      <c r="J29" s="40">
        <v>263120</v>
      </c>
      <c r="K29" s="41">
        <v>8876</v>
      </c>
      <c r="L29" s="19"/>
      <c r="M29" s="19"/>
      <c r="N29" s="19"/>
      <c r="O29" s="19"/>
      <c r="P29" s="19"/>
      <c r="Q29" s="19"/>
      <c r="R29" s="19"/>
    </row>
    <row r="30" spans="1:18" s="20" customFormat="1" ht="9.75" customHeight="1" x14ac:dyDescent="0.15">
      <c r="A30" s="39"/>
      <c r="B30" s="15">
        <v>13</v>
      </c>
      <c r="C30" s="16"/>
      <c r="D30" s="40">
        <v>583135</v>
      </c>
      <c r="E30" s="40">
        <v>302943</v>
      </c>
      <c r="F30" s="40">
        <v>270516</v>
      </c>
      <c r="G30" s="40">
        <v>9676</v>
      </c>
      <c r="H30" s="40">
        <v>542159</v>
      </c>
      <c r="I30" s="40">
        <v>264447</v>
      </c>
      <c r="J30" s="40">
        <v>268727</v>
      </c>
      <c r="K30" s="41">
        <v>8985</v>
      </c>
      <c r="L30" s="19"/>
      <c r="M30" s="19"/>
      <c r="N30" s="19"/>
      <c r="O30" s="19"/>
      <c r="P30" s="19"/>
      <c r="Q30" s="19"/>
      <c r="R30" s="19"/>
    </row>
    <row r="31" spans="1:18" s="43" customFormat="1" ht="9.75" customHeight="1" x14ac:dyDescent="0.15">
      <c r="A31" s="44"/>
      <c r="B31" s="26" t="s">
        <v>16</v>
      </c>
      <c r="C31" s="27"/>
      <c r="D31" s="32">
        <v>591245</v>
      </c>
      <c r="E31" s="32">
        <v>295433</v>
      </c>
      <c r="F31" s="32">
        <v>272866</v>
      </c>
      <c r="G31" s="32">
        <v>22946</v>
      </c>
      <c r="H31" s="32">
        <v>567138</v>
      </c>
      <c r="I31" s="32">
        <v>271142</v>
      </c>
      <c r="J31" s="32">
        <v>272746</v>
      </c>
      <c r="K31" s="33">
        <v>23250</v>
      </c>
      <c r="L31" s="42"/>
      <c r="M31" s="42"/>
      <c r="N31" s="42"/>
      <c r="O31" s="42"/>
      <c r="P31" s="42"/>
      <c r="Q31" s="42"/>
      <c r="R31" s="42"/>
    </row>
    <row r="32" spans="1:18" s="20" customFormat="1" ht="3.75" customHeight="1" x14ac:dyDescent="0.15">
      <c r="A32" s="39"/>
      <c r="B32" s="15"/>
      <c r="C32" s="16"/>
      <c r="D32" s="40"/>
      <c r="E32" s="40"/>
      <c r="F32" s="40"/>
      <c r="G32" s="40"/>
      <c r="H32" s="40"/>
      <c r="I32" s="40"/>
      <c r="J32" s="40"/>
      <c r="K32" s="41"/>
      <c r="L32" s="19"/>
      <c r="M32" s="19"/>
      <c r="N32" s="19"/>
      <c r="O32" s="19"/>
      <c r="P32" s="19"/>
      <c r="Q32" s="19"/>
      <c r="R32" s="19"/>
    </row>
    <row r="33" spans="1:18" s="20" customFormat="1" ht="9.75" customHeight="1" x14ac:dyDescent="0.15">
      <c r="A33" s="14"/>
      <c r="B33" s="15">
        <v>11</v>
      </c>
      <c r="C33" s="16"/>
      <c r="D33" s="40">
        <v>572124</v>
      </c>
      <c r="E33" s="40">
        <v>288677</v>
      </c>
      <c r="F33" s="40">
        <v>273476</v>
      </c>
      <c r="G33" s="40">
        <v>9971</v>
      </c>
      <c r="H33" s="40">
        <v>555694</v>
      </c>
      <c r="I33" s="40">
        <v>273315</v>
      </c>
      <c r="J33" s="40">
        <v>272713</v>
      </c>
      <c r="K33" s="41">
        <v>9666</v>
      </c>
      <c r="L33" s="19"/>
      <c r="M33" s="19"/>
      <c r="N33" s="19"/>
      <c r="O33" s="19"/>
      <c r="P33" s="19"/>
      <c r="Q33" s="19"/>
      <c r="R33" s="19"/>
    </row>
    <row r="34" spans="1:18" s="20" customFormat="1" ht="9.75" customHeight="1" x14ac:dyDescent="0.15">
      <c r="A34" s="39"/>
      <c r="B34" s="15">
        <v>10</v>
      </c>
      <c r="C34" s="16"/>
      <c r="D34" s="40">
        <v>574061</v>
      </c>
      <c r="E34" s="40">
        <v>296439</v>
      </c>
      <c r="F34" s="40">
        <v>267924</v>
      </c>
      <c r="G34" s="40">
        <v>9698</v>
      </c>
      <c r="H34" s="40">
        <v>551188</v>
      </c>
      <c r="I34" s="40">
        <v>274820</v>
      </c>
      <c r="J34" s="40">
        <v>267862</v>
      </c>
      <c r="K34" s="41">
        <v>8506</v>
      </c>
      <c r="L34" s="19"/>
      <c r="M34" s="19"/>
      <c r="N34" s="19"/>
      <c r="O34" s="19"/>
      <c r="P34" s="19"/>
      <c r="Q34" s="19"/>
      <c r="R34" s="19"/>
    </row>
    <row r="35" spans="1:18" s="20" customFormat="1" ht="9.75" customHeight="1" x14ac:dyDescent="0.15">
      <c r="A35" s="39"/>
      <c r="B35" s="15">
        <v>9</v>
      </c>
      <c r="C35" s="16"/>
      <c r="D35" s="40">
        <v>579491</v>
      </c>
      <c r="E35" s="40">
        <v>290805</v>
      </c>
      <c r="F35" s="40">
        <v>278709</v>
      </c>
      <c r="G35" s="40">
        <v>9977</v>
      </c>
      <c r="H35" s="40">
        <v>569355</v>
      </c>
      <c r="I35" s="40">
        <v>281724</v>
      </c>
      <c r="J35" s="40">
        <v>278382</v>
      </c>
      <c r="K35" s="41">
        <v>9249</v>
      </c>
      <c r="L35" s="19"/>
      <c r="M35" s="19"/>
      <c r="N35" s="19"/>
      <c r="O35" s="19"/>
      <c r="P35" s="19"/>
      <c r="Q35" s="19"/>
      <c r="R35" s="19"/>
    </row>
    <row r="36" spans="1:18" s="20" customFormat="1" ht="9.75" customHeight="1" x14ac:dyDescent="0.15">
      <c r="A36" s="39"/>
      <c r="B36" s="15">
        <v>8</v>
      </c>
      <c r="C36" s="16"/>
      <c r="D36" s="40">
        <v>590290</v>
      </c>
      <c r="E36" s="40">
        <v>288780</v>
      </c>
      <c r="F36" s="40">
        <v>291854</v>
      </c>
      <c r="G36" s="40">
        <v>9656</v>
      </c>
      <c r="H36" s="40">
        <v>584410</v>
      </c>
      <c r="I36" s="40">
        <v>284317</v>
      </c>
      <c r="J36" s="40">
        <v>291654</v>
      </c>
      <c r="K36" s="41">
        <v>8439</v>
      </c>
      <c r="L36" s="19"/>
      <c r="M36" s="19"/>
      <c r="N36" s="19"/>
      <c r="O36" s="19"/>
      <c r="P36" s="19"/>
      <c r="Q36" s="19"/>
      <c r="R36" s="19"/>
    </row>
    <row r="37" spans="1:18" s="43" customFormat="1" ht="9.75" customHeight="1" x14ac:dyDescent="0.15">
      <c r="A37" s="44"/>
      <c r="B37" s="26" t="s">
        <v>17</v>
      </c>
      <c r="C37" s="27"/>
      <c r="D37" s="32">
        <v>598915</v>
      </c>
      <c r="E37" s="32">
        <v>292865</v>
      </c>
      <c r="F37" s="32">
        <v>289539</v>
      </c>
      <c r="G37" s="32">
        <v>16511</v>
      </c>
      <c r="H37" s="32">
        <v>620394</v>
      </c>
      <c r="I37" s="32">
        <v>296667</v>
      </c>
      <c r="J37" s="32">
        <v>289404</v>
      </c>
      <c r="K37" s="33">
        <v>34323</v>
      </c>
      <c r="L37" s="42"/>
      <c r="M37" s="42"/>
      <c r="N37" s="42"/>
      <c r="O37" s="42"/>
      <c r="P37" s="42"/>
      <c r="Q37" s="42"/>
      <c r="R37" s="42"/>
    </row>
    <row r="38" spans="1:18" s="20" customFormat="1" ht="3.75" customHeight="1" x14ac:dyDescent="0.15">
      <c r="A38" s="39"/>
      <c r="B38" s="15"/>
      <c r="C38" s="16"/>
      <c r="D38" s="40"/>
      <c r="E38" s="40"/>
      <c r="F38" s="40"/>
      <c r="G38" s="40"/>
      <c r="H38" s="40"/>
      <c r="I38" s="40"/>
      <c r="J38" s="40"/>
      <c r="K38" s="41"/>
      <c r="L38" s="19"/>
      <c r="M38" s="19"/>
      <c r="N38" s="19"/>
      <c r="O38" s="19"/>
      <c r="P38" s="19"/>
      <c r="Q38" s="19"/>
      <c r="R38" s="19"/>
    </row>
    <row r="39" spans="1:18" s="20" customFormat="1" ht="9.75" customHeight="1" x14ac:dyDescent="0.15">
      <c r="A39" s="14"/>
      <c r="B39" s="15">
        <v>6</v>
      </c>
      <c r="C39" s="16"/>
      <c r="D39" s="40">
        <v>599910</v>
      </c>
      <c r="E39" s="40">
        <v>300458</v>
      </c>
      <c r="F39" s="40">
        <v>289764</v>
      </c>
      <c r="G39" s="40">
        <v>9688</v>
      </c>
      <c r="H39" s="40">
        <v>598188</v>
      </c>
      <c r="I39" s="40">
        <v>299738</v>
      </c>
      <c r="J39" s="40">
        <v>289907</v>
      </c>
      <c r="K39" s="41">
        <v>8543</v>
      </c>
      <c r="L39" s="19"/>
      <c r="M39" s="19"/>
      <c r="N39" s="19"/>
      <c r="O39" s="19"/>
      <c r="P39" s="19"/>
      <c r="Q39" s="19"/>
      <c r="R39" s="19"/>
    </row>
    <row r="40" spans="1:18" s="20" customFormat="1" ht="9.75" customHeight="1" x14ac:dyDescent="0.15">
      <c r="A40" s="39"/>
      <c r="B40" s="15">
        <v>5</v>
      </c>
      <c r="C40" s="16"/>
      <c r="D40" s="40">
        <v>597641</v>
      </c>
      <c r="E40" s="40">
        <v>311858</v>
      </c>
      <c r="F40" s="40">
        <v>274440</v>
      </c>
      <c r="G40" s="40">
        <v>11343</v>
      </c>
      <c r="H40" s="40">
        <v>585641</v>
      </c>
      <c r="I40" s="40">
        <v>301265</v>
      </c>
      <c r="J40" s="40">
        <v>274186</v>
      </c>
      <c r="K40" s="41">
        <v>10190</v>
      </c>
      <c r="L40" s="19"/>
      <c r="M40" s="19"/>
      <c r="N40" s="19"/>
      <c r="O40" s="19"/>
      <c r="P40" s="19"/>
      <c r="Q40" s="19"/>
      <c r="R40" s="19"/>
    </row>
    <row r="41" spans="1:18" s="20" customFormat="1" ht="9.75" customHeight="1" x14ac:dyDescent="0.15">
      <c r="A41" s="39"/>
      <c r="B41" s="15">
        <v>4</v>
      </c>
      <c r="C41" s="16"/>
      <c r="D41" s="40">
        <v>593602</v>
      </c>
      <c r="E41" s="40">
        <v>325927</v>
      </c>
      <c r="F41" s="40">
        <v>256613</v>
      </c>
      <c r="G41" s="40">
        <v>11062</v>
      </c>
      <c r="H41" s="40">
        <v>568327</v>
      </c>
      <c r="I41" s="40">
        <v>302113</v>
      </c>
      <c r="J41" s="40">
        <v>256228</v>
      </c>
      <c r="K41" s="41">
        <v>9986</v>
      </c>
      <c r="L41" s="19"/>
      <c r="M41" s="19"/>
      <c r="N41" s="19"/>
      <c r="O41" s="19"/>
      <c r="P41" s="19"/>
      <c r="Q41" s="19"/>
      <c r="R41" s="19"/>
    </row>
    <row r="42" spans="1:18" s="20" customFormat="1" ht="9.75" customHeight="1" x14ac:dyDescent="0.15">
      <c r="A42" s="39"/>
      <c r="B42" s="15">
        <v>3</v>
      </c>
      <c r="C42" s="16"/>
      <c r="D42" s="40">
        <v>596314</v>
      </c>
      <c r="E42" s="40">
        <v>332413</v>
      </c>
      <c r="F42" s="40">
        <v>247065</v>
      </c>
      <c r="G42" s="40">
        <v>16836</v>
      </c>
      <c r="H42" s="40">
        <v>551133</v>
      </c>
      <c r="I42" s="40">
        <v>290298</v>
      </c>
      <c r="J42" s="40">
        <v>245879</v>
      </c>
      <c r="K42" s="41">
        <v>14956</v>
      </c>
      <c r="L42" s="19"/>
      <c r="M42" s="19"/>
      <c r="N42" s="19"/>
      <c r="O42" s="19"/>
      <c r="P42" s="19"/>
      <c r="Q42" s="19"/>
      <c r="R42" s="19"/>
    </row>
    <row r="43" spans="1:18" s="43" customFormat="1" ht="9.75" customHeight="1" x14ac:dyDescent="0.15">
      <c r="A43" s="44"/>
      <c r="B43" s="26" t="s">
        <v>18</v>
      </c>
      <c r="C43" s="27"/>
      <c r="D43" s="32">
        <v>611876</v>
      </c>
      <c r="E43" s="32">
        <v>338253</v>
      </c>
      <c r="F43" s="32">
        <v>257607</v>
      </c>
      <c r="G43" s="32">
        <v>16016</v>
      </c>
      <c r="H43" s="32">
        <v>563477</v>
      </c>
      <c r="I43" s="32">
        <v>282760</v>
      </c>
      <c r="J43" s="32">
        <v>257829</v>
      </c>
      <c r="K43" s="33">
        <v>22888</v>
      </c>
      <c r="L43" s="42"/>
      <c r="M43" s="42"/>
      <c r="N43" s="42"/>
      <c r="O43" s="42"/>
      <c r="P43" s="42"/>
      <c r="Q43" s="42"/>
      <c r="R43" s="42"/>
    </row>
    <row r="44" spans="1:18" s="20" customFormat="1" ht="3.75" customHeight="1" x14ac:dyDescent="0.15">
      <c r="A44" s="39"/>
      <c r="B44" s="15"/>
      <c r="C44" s="16"/>
      <c r="D44" s="40"/>
      <c r="E44" s="40"/>
      <c r="F44" s="40"/>
      <c r="G44" s="40"/>
      <c r="H44" s="40"/>
      <c r="I44" s="40"/>
      <c r="J44" s="40"/>
      <c r="K44" s="41"/>
      <c r="L44" s="19"/>
      <c r="M44" s="19"/>
      <c r="N44" s="19"/>
      <c r="O44" s="19"/>
      <c r="P44" s="19"/>
      <c r="Q44" s="19"/>
      <c r="R44" s="19"/>
    </row>
    <row r="45" spans="1:18" s="20" customFormat="1" ht="9.75" customHeight="1" x14ac:dyDescent="0.15">
      <c r="A45" s="14"/>
      <c r="B45" s="15" t="s">
        <v>19</v>
      </c>
      <c r="C45" s="16"/>
      <c r="D45" s="40">
        <v>585529</v>
      </c>
      <c r="E45" s="40">
        <v>330799</v>
      </c>
      <c r="F45" s="40">
        <v>249728</v>
      </c>
      <c r="G45" s="40">
        <v>5002</v>
      </c>
      <c r="H45" s="40">
        <v>527593</v>
      </c>
      <c r="I45" s="40">
        <v>275182</v>
      </c>
      <c r="J45" s="40">
        <v>248368</v>
      </c>
      <c r="K45" s="41">
        <v>4043</v>
      </c>
      <c r="L45" s="19"/>
      <c r="M45" s="19"/>
      <c r="N45" s="19"/>
      <c r="O45" s="19"/>
      <c r="P45" s="19"/>
      <c r="Q45" s="19"/>
      <c r="R45" s="19"/>
    </row>
    <row r="46" spans="1:18" s="20" customFormat="1" ht="9.75" customHeight="1" x14ac:dyDescent="0.15">
      <c r="A46" s="39"/>
      <c r="B46" s="15" t="s">
        <v>20</v>
      </c>
      <c r="C46" s="16"/>
      <c r="D46" s="40">
        <v>568062</v>
      </c>
      <c r="E46" s="40">
        <v>321833</v>
      </c>
      <c r="F46" s="40">
        <v>241225</v>
      </c>
      <c r="G46" s="40">
        <v>5004</v>
      </c>
      <c r="H46" s="40">
        <v>506369</v>
      </c>
      <c r="I46" s="40">
        <v>262268</v>
      </c>
      <c r="J46" s="40">
        <v>240161</v>
      </c>
      <c r="K46" s="41">
        <v>3940</v>
      </c>
      <c r="L46" s="19"/>
      <c r="M46" s="19"/>
      <c r="N46" s="19"/>
      <c r="O46" s="19"/>
      <c r="P46" s="19"/>
      <c r="Q46" s="19"/>
      <c r="R46" s="19"/>
    </row>
    <row r="47" spans="1:18" s="20" customFormat="1" ht="9.75" customHeight="1" x14ac:dyDescent="0.15">
      <c r="A47" s="39"/>
      <c r="B47" s="15">
        <v>62</v>
      </c>
      <c r="C47" s="16"/>
      <c r="D47" s="40">
        <v>579558</v>
      </c>
      <c r="E47" s="40">
        <v>330722</v>
      </c>
      <c r="F47" s="40">
        <v>244002</v>
      </c>
      <c r="G47" s="40">
        <v>4834</v>
      </c>
      <c r="H47" s="40">
        <v>499323</v>
      </c>
      <c r="I47" s="40">
        <v>250839</v>
      </c>
      <c r="J47" s="40">
        <v>243009</v>
      </c>
      <c r="K47" s="41">
        <v>5475</v>
      </c>
      <c r="L47" s="19"/>
      <c r="M47" s="19"/>
      <c r="N47" s="19"/>
      <c r="O47" s="19"/>
      <c r="P47" s="19"/>
      <c r="Q47" s="19"/>
      <c r="R47" s="19"/>
    </row>
    <row r="48" spans="1:18" s="20" customFormat="1" ht="9.75" customHeight="1" x14ac:dyDescent="0.15">
      <c r="A48" s="39"/>
      <c r="B48" s="15">
        <v>61</v>
      </c>
      <c r="C48" s="16"/>
      <c r="D48" s="40">
        <v>559606</v>
      </c>
      <c r="E48" s="40">
        <v>314830</v>
      </c>
      <c r="F48" s="40">
        <v>239601</v>
      </c>
      <c r="G48" s="40">
        <v>5175</v>
      </c>
      <c r="H48" s="40">
        <v>488702</v>
      </c>
      <c r="I48" s="40">
        <v>243877</v>
      </c>
      <c r="J48" s="40">
        <v>239060</v>
      </c>
      <c r="K48" s="41">
        <v>5765</v>
      </c>
      <c r="L48" s="19"/>
      <c r="M48" s="19"/>
      <c r="N48" s="19"/>
      <c r="O48" s="19"/>
      <c r="P48" s="19"/>
      <c r="Q48" s="19"/>
      <c r="R48" s="19"/>
    </row>
    <row r="49" spans="1:21" s="43" customFormat="1" ht="9.75" customHeight="1" x14ac:dyDescent="0.15">
      <c r="A49" s="44"/>
      <c r="B49" s="26" t="s">
        <v>21</v>
      </c>
      <c r="C49" s="27"/>
      <c r="D49" s="32">
        <v>545369</v>
      </c>
      <c r="E49" s="32">
        <v>295339</v>
      </c>
      <c r="F49" s="32">
        <v>232391</v>
      </c>
      <c r="G49" s="32">
        <v>17639</v>
      </c>
      <c r="H49" s="32">
        <v>495692</v>
      </c>
      <c r="I49" s="32">
        <v>245842</v>
      </c>
      <c r="J49" s="32">
        <v>232202</v>
      </c>
      <c r="K49" s="33">
        <v>17648</v>
      </c>
      <c r="L49" s="42"/>
      <c r="M49" s="42"/>
      <c r="N49" s="42"/>
      <c r="O49" s="42"/>
      <c r="P49" s="42"/>
      <c r="Q49" s="42"/>
      <c r="R49" s="42"/>
    </row>
    <row r="50" spans="1:21" s="20" customFormat="1" ht="3.75" customHeight="1" x14ac:dyDescent="0.15">
      <c r="A50" s="39"/>
      <c r="B50" s="15"/>
      <c r="C50" s="16"/>
      <c r="D50" s="40"/>
      <c r="E50" s="40"/>
      <c r="F50" s="40"/>
      <c r="G50" s="40"/>
      <c r="H50" s="40"/>
      <c r="I50" s="40"/>
      <c r="J50" s="40"/>
      <c r="K50" s="41"/>
      <c r="L50" s="19"/>
      <c r="M50" s="19"/>
      <c r="N50" s="19"/>
      <c r="O50" s="19"/>
      <c r="P50" s="19"/>
      <c r="Q50" s="19"/>
      <c r="R50" s="19"/>
    </row>
    <row r="51" spans="1:21" s="20" customFormat="1" ht="9.75" customHeight="1" x14ac:dyDescent="0.15">
      <c r="A51" s="14"/>
      <c r="B51" s="15">
        <v>59</v>
      </c>
      <c r="C51" s="16"/>
      <c r="D51" s="40">
        <v>529376</v>
      </c>
      <c r="E51" s="40">
        <v>288534</v>
      </c>
      <c r="F51" s="40">
        <v>235049</v>
      </c>
      <c r="G51" s="40">
        <v>5793</v>
      </c>
      <c r="H51" s="40">
        <v>483933</v>
      </c>
      <c r="I51" s="40">
        <v>244380</v>
      </c>
      <c r="J51" s="40">
        <v>233493</v>
      </c>
      <c r="K51" s="41">
        <v>6060</v>
      </c>
      <c r="L51" s="19"/>
      <c r="M51" s="19"/>
      <c r="N51" s="19"/>
      <c r="O51" s="19"/>
      <c r="P51" s="19"/>
      <c r="Q51" s="19"/>
      <c r="R51" s="19"/>
    </row>
    <row r="52" spans="1:21" s="20" customFormat="1" ht="9.75" customHeight="1" x14ac:dyDescent="0.15">
      <c r="A52" s="39"/>
      <c r="B52" s="15">
        <v>58</v>
      </c>
      <c r="C52" s="16"/>
      <c r="D52" s="40">
        <v>530510</v>
      </c>
      <c r="E52" s="40">
        <v>287993</v>
      </c>
      <c r="F52" s="40">
        <v>238239</v>
      </c>
      <c r="G52" s="40">
        <v>4278</v>
      </c>
      <c r="H52" s="40">
        <v>488327</v>
      </c>
      <c r="I52" s="40">
        <v>245725</v>
      </c>
      <c r="J52" s="40">
        <v>237126</v>
      </c>
      <c r="K52" s="41">
        <v>5476</v>
      </c>
      <c r="L52" s="19"/>
      <c r="M52" s="19"/>
      <c r="N52" s="19"/>
      <c r="O52" s="19"/>
      <c r="P52" s="19"/>
      <c r="Q52" s="19"/>
      <c r="R52" s="19"/>
    </row>
    <row r="53" spans="1:21" s="20" customFormat="1" ht="9.75" customHeight="1" x14ac:dyDescent="0.15">
      <c r="A53" s="39"/>
      <c r="B53" s="15">
        <v>57</v>
      </c>
      <c r="C53" s="16"/>
      <c r="D53" s="40">
        <v>542446</v>
      </c>
      <c r="E53" s="40">
        <v>293527</v>
      </c>
      <c r="F53" s="40">
        <v>244652</v>
      </c>
      <c r="G53" s="40">
        <v>4267</v>
      </c>
      <c r="H53" s="40">
        <v>499302</v>
      </c>
      <c r="I53" s="40">
        <v>251341</v>
      </c>
      <c r="J53" s="40">
        <v>243678</v>
      </c>
      <c r="K53" s="41">
        <v>4283</v>
      </c>
      <c r="L53" s="19"/>
      <c r="M53" s="19"/>
      <c r="N53" s="19"/>
      <c r="O53" s="19"/>
      <c r="P53" s="19"/>
      <c r="Q53" s="19"/>
      <c r="R53" s="19"/>
    </row>
    <row r="54" spans="1:21" s="20" customFormat="1" ht="9.75" customHeight="1" x14ac:dyDescent="0.15">
      <c r="A54" s="39"/>
      <c r="B54" s="15">
        <v>56</v>
      </c>
      <c r="C54" s="16"/>
      <c r="D54" s="40">
        <v>540831</v>
      </c>
      <c r="E54" s="40">
        <v>291580</v>
      </c>
      <c r="F54" s="40">
        <v>245058</v>
      </c>
      <c r="G54" s="40">
        <v>4193</v>
      </c>
      <c r="H54" s="40">
        <v>501972</v>
      </c>
      <c r="I54" s="40">
        <v>253476</v>
      </c>
      <c r="J54" s="40">
        <v>243898</v>
      </c>
      <c r="K54" s="41">
        <v>4598</v>
      </c>
      <c r="L54" s="19"/>
      <c r="M54" s="19"/>
      <c r="N54" s="19"/>
      <c r="O54" s="19"/>
      <c r="P54" s="19"/>
      <c r="Q54" s="19"/>
      <c r="R54" s="19"/>
    </row>
    <row r="55" spans="1:21" s="43" customFormat="1" ht="9.75" customHeight="1" x14ac:dyDescent="0.15">
      <c r="A55" s="44"/>
      <c r="B55" s="26" t="s">
        <v>22</v>
      </c>
      <c r="C55" s="27"/>
      <c r="D55" s="32">
        <v>549403</v>
      </c>
      <c r="E55" s="32">
        <v>287154</v>
      </c>
      <c r="F55" s="32">
        <v>256153</v>
      </c>
      <c r="G55" s="32">
        <v>6096</v>
      </c>
      <c r="H55" s="32">
        <v>527509</v>
      </c>
      <c r="I55" s="32">
        <v>258875</v>
      </c>
      <c r="J55" s="32">
        <v>255151</v>
      </c>
      <c r="K55" s="33">
        <v>13483</v>
      </c>
      <c r="L55" s="42"/>
      <c r="M55" s="42"/>
      <c r="N55" s="42"/>
      <c r="O55" s="42"/>
      <c r="P55" s="42"/>
      <c r="Q55" s="42"/>
      <c r="R55" s="42"/>
    </row>
    <row r="56" spans="1:21" s="20" customFormat="1" ht="3.75" customHeight="1" x14ac:dyDescent="0.15">
      <c r="A56" s="39"/>
      <c r="B56" s="15"/>
      <c r="C56" s="16"/>
      <c r="D56" s="40"/>
      <c r="E56" s="40"/>
      <c r="F56" s="40"/>
      <c r="G56" s="40"/>
      <c r="H56" s="40"/>
      <c r="I56" s="40"/>
      <c r="J56" s="40"/>
      <c r="K56" s="41"/>
      <c r="L56" s="19"/>
      <c r="M56" s="19"/>
      <c r="N56" s="19"/>
      <c r="O56" s="19"/>
      <c r="P56" s="19"/>
      <c r="Q56" s="19"/>
      <c r="R56" s="19"/>
    </row>
    <row r="57" spans="1:21" s="19" customFormat="1" ht="9.75" customHeight="1" x14ac:dyDescent="0.15">
      <c r="A57" s="14"/>
      <c r="B57" s="15">
        <v>54</v>
      </c>
      <c r="C57" s="16"/>
      <c r="D57" s="40">
        <v>572868</v>
      </c>
      <c r="E57" s="40">
        <v>299420</v>
      </c>
      <c r="F57" s="40">
        <v>267920</v>
      </c>
      <c r="G57" s="40">
        <v>5528</v>
      </c>
      <c r="H57" s="40">
        <v>547040</v>
      </c>
      <c r="I57" s="40">
        <v>266247</v>
      </c>
      <c r="J57" s="40">
        <v>265230</v>
      </c>
      <c r="K57" s="41">
        <v>15563</v>
      </c>
      <c r="S57" s="20"/>
      <c r="T57" s="20"/>
      <c r="U57" s="20"/>
    </row>
    <row r="58" spans="1:21" s="1" customFormat="1" ht="9.75" customHeight="1" x14ac:dyDescent="0.15">
      <c r="A58" s="21"/>
      <c r="B58" s="22">
        <v>53</v>
      </c>
      <c r="C58" s="6"/>
      <c r="D58" s="30">
        <v>577221</v>
      </c>
      <c r="E58" s="30">
        <v>301226</v>
      </c>
      <c r="F58" s="30">
        <v>269933</v>
      </c>
      <c r="G58" s="30">
        <v>6062</v>
      </c>
      <c r="H58" s="30">
        <v>540913</v>
      </c>
      <c r="I58" s="30">
        <v>259456</v>
      </c>
      <c r="J58" s="30">
        <v>268147</v>
      </c>
      <c r="K58" s="31">
        <v>13310</v>
      </c>
      <c r="S58"/>
      <c r="T58"/>
      <c r="U58"/>
    </row>
    <row r="59" spans="1:21" s="1" customFormat="1" ht="9.75" customHeight="1" x14ac:dyDescent="0.15">
      <c r="A59" s="21"/>
      <c r="B59" s="22">
        <v>52</v>
      </c>
      <c r="C59" s="6"/>
      <c r="D59" s="30">
        <v>580079</v>
      </c>
      <c r="E59" s="30">
        <v>303770</v>
      </c>
      <c r="F59" s="30">
        <v>269522</v>
      </c>
      <c r="G59" s="30">
        <v>6787</v>
      </c>
      <c r="H59" s="30">
        <v>549391</v>
      </c>
      <c r="I59" s="30">
        <v>267098</v>
      </c>
      <c r="J59" s="30">
        <v>267034</v>
      </c>
      <c r="K59" s="31">
        <v>15259</v>
      </c>
      <c r="S59"/>
      <c r="T59"/>
      <c r="U59"/>
    </row>
    <row r="60" spans="1:21" s="1" customFormat="1" ht="9.75" customHeight="1" x14ac:dyDescent="0.15">
      <c r="A60" s="21"/>
      <c r="B60" s="22">
        <v>51</v>
      </c>
      <c r="C60" s="6"/>
      <c r="D60" s="30">
        <v>582766</v>
      </c>
      <c r="E60" s="30">
        <v>302165</v>
      </c>
      <c r="F60" s="30">
        <v>269055</v>
      </c>
      <c r="G60" s="30">
        <v>11546</v>
      </c>
      <c r="H60" s="30">
        <v>556540</v>
      </c>
      <c r="I60" s="30">
        <v>270977</v>
      </c>
      <c r="J60" s="30">
        <v>266421</v>
      </c>
      <c r="K60" s="31">
        <v>19142</v>
      </c>
      <c r="S60"/>
      <c r="T60"/>
      <c r="U60"/>
    </row>
    <row r="61" spans="1:21" s="1" customFormat="1" ht="3.75" customHeight="1" thickBot="1" x14ac:dyDescent="0.2">
      <c r="A61" s="34"/>
      <c r="B61" s="35"/>
      <c r="C61" s="36"/>
      <c r="D61" s="37"/>
      <c r="E61" s="37"/>
      <c r="F61" s="37"/>
      <c r="G61" s="37"/>
      <c r="H61" s="37"/>
      <c r="I61" s="37"/>
      <c r="J61" s="37"/>
      <c r="K61" s="38"/>
      <c r="S61"/>
      <c r="T61"/>
      <c r="U61"/>
    </row>
    <row r="62" spans="1:21" s="1" customFormat="1" ht="13.5" customHeight="1" x14ac:dyDescent="0.15">
      <c r="A62" s="45" t="s">
        <v>23</v>
      </c>
      <c r="B62" s="45"/>
      <c r="C62" s="45"/>
      <c r="D62" s="45"/>
      <c r="E62" s="45"/>
      <c r="F62" s="45"/>
      <c r="G62" s="45"/>
      <c r="H62" s="45"/>
      <c r="I62" s="45"/>
      <c r="J62" s="45"/>
      <c r="K62" s="45"/>
    </row>
  </sheetData>
  <mergeCells count="6">
    <mergeCell ref="A62:K62"/>
    <mergeCell ref="A1:K1"/>
    <mergeCell ref="A2:C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３表</vt:lpstr>
      <vt:lpstr>第３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2-03T05:16:08Z</cp:lastPrinted>
  <dcterms:created xsi:type="dcterms:W3CDTF">2022-01-28T00:28:50Z</dcterms:created>
  <dcterms:modified xsi:type="dcterms:W3CDTF">2022-02-16T00:47:00Z</dcterms:modified>
</cp:coreProperties>
</file>